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31"/>
  </p:sldMasterIdLst>
  <p:notesMasterIdLst>
    <p:notesMasterId r:id="rId47"/>
  </p:notesMasterIdLst>
  <p:handoutMasterIdLst>
    <p:handoutMasterId r:id="rId48"/>
  </p:handoutMasterIdLst>
  <p:sldIdLst>
    <p:sldId id="349" r:id="rId32"/>
    <p:sldId id="487" r:id="rId33"/>
    <p:sldId id="489" r:id="rId34"/>
    <p:sldId id="450" r:id="rId35"/>
    <p:sldId id="498" r:id="rId36"/>
    <p:sldId id="437" r:id="rId37"/>
    <p:sldId id="490" r:id="rId38"/>
    <p:sldId id="492" r:id="rId39"/>
    <p:sldId id="493" r:id="rId40"/>
    <p:sldId id="494" r:id="rId41"/>
    <p:sldId id="495" r:id="rId42"/>
    <p:sldId id="496" r:id="rId43"/>
    <p:sldId id="497" r:id="rId44"/>
    <p:sldId id="446" r:id="rId45"/>
    <p:sldId id="363" r:id="rId46"/>
  </p:sldIdLst>
  <p:sldSz cx="12192000" cy="6858000"/>
  <p:notesSz cx="6858000" cy="9144000"/>
  <p:embeddedFontLst>
    <p:embeddedFont>
      <p:font typeface="Veidekke Favorit Offc" panose="020B0504030202060203" pitchFamily="34" charset="0"/>
      <p:regular r:id="rId49"/>
      <p:bold r:id="rId50"/>
      <p:italic r:id="rId51"/>
      <p:boldItalic r:id="rId52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D93493C-389D-4215-923A-D40577AACC32}" v="148" dt="2024-08-18T13:41:19.282"/>
    <p1510:client id="{E67D5596-61B3-4EDC-A468-801FC63283B1}" v="102" dt="2024-08-18T14:22:47.89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978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90" y="7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8.xml"/><Relationship Id="rId21" Type="http://schemas.openxmlformats.org/officeDocument/2006/relationships/customXml" Target="../customXml/item21.xml"/><Relationship Id="rId34" Type="http://schemas.openxmlformats.org/officeDocument/2006/relationships/slide" Target="slides/slide3.xml"/><Relationship Id="rId42" Type="http://schemas.openxmlformats.org/officeDocument/2006/relationships/slide" Target="slides/slide11.xml"/><Relationship Id="rId47" Type="http://schemas.openxmlformats.org/officeDocument/2006/relationships/notesMaster" Target="notesMasters/notesMaster1.xml"/><Relationship Id="rId50" Type="http://schemas.openxmlformats.org/officeDocument/2006/relationships/font" Target="fonts/font2.fntdata"/><Relationship Id="rId55" Type="http://schemas.openxmlformats.org/officeDocument/2006/relationships/theme" Target="theme/theme1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1.xml"/><Relationship Id="rId37" Type="http://schemas.openxmlformats.org/officeDocument/2006/relationships/slide" Target="slides/slide6.xml"/><Relationship Id="rId40" Type="http://schemas.openxmlformats.org/officeDocument/2006/relationships/slide" Target="slides/slide9.xml"/><Relationship Id="rId45" Type="http://schemas.openxmlformats.org/officeDocument/2006/relationships/slide" Target="slides/slide14.xml"/><Relationship Id="rId53" Type="http://schemas.openxmlformats.org/officeDocument/2006/relationships/presProps" Target="presProps.xml"/><Relationship Id="rId5" Type="http://schemas.openxmlformats.org/officeDocument/2006/relationships/customXml" Target="../customXml/item5.xml"/><Relationship Id="rId19" Type="http://schemas.openxmlformats.org/officeDocument/2006/relationships/customXml" Target="../customXml/item19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slide" Target="slides/slide4.xml"/><Relationship Id="rId43" Type="http://schemas.openxmlformats.org/officeDocument/2006/relationships/slide" Target="slides/slide12.xml"/><Relationship Id="rId48" Type="http://schemas.openxmlformats.org/officeDocument/2006/relationships/handoutMaster" Target="handoutMasters/handoutMaster1.xml"/><Relationship Id="rId56" Type="http://schemas.openxmlformats.org/officeDocument/2006/relationships/tableStyles" Target="tableStyles.xml"/><Relationship Id="rId8" Type="http://schemas.openxmlformats.org/officeDocument/2006/relationships/customXml" Target="../customXml/item8.xml"/><Relationship Id="rId51" Type="http://schemas.openxmlformats.org/officeDocument/2006/relationships/font" Target="fonts/font3.fntdata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2.xml"/><Relationship Id="rId38" Type="http://schemas.openxmlformats.org/officeDocument/2006/relationships/slide" Target="slides/slide7.xml"/><Relationship Id="rId46" Type="http://schemas.openxmlformats.org/officeDocument/2006/relationships/slide" Target="slides/slide15.xml"/><Relationship Id="rId20" Type="http://schemas.openxmlformats.org/officeDocument/2006/relationships/customXml" Target="../customXml/item20.xml"/><Relationship Id="rId41" Type="http://schemas.openxmlformats.org/officeDocument/2006/relationships/slide" Target="slides/slide10.xml"/><Relationship Id="rId54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5.xml"/><Relationship Id="rId49" Type="http://schemas.openxmlformats.org/officeDocument/2006/relationships/font" Target="fonts/font1.fntdata"/><Relationship Id="rId57" Type="http://schemas.microsoft.com/office/2015/10/relationships/revisionInfo" Target="revisionInfo.xml"/><Relationship Id="rId10" Type="http://schemas.openxmlformats.org/officeDocument/2006/relationships/customXml" Target="../customXml/item10.xml"/><Relationship Id="rId31" Type="http://schemas.openxmlformats.org/officeDocument/2006/relationships/slideMaster" Target="slideMasters/slideMaster1.xml"/><Relationship Id="rId44" Type="http://schemas.openxmlformats.org/officeDocument/2006/relationships/slide" Target="slides/slide13.xml"/><Relationship Id="rId52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8/08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8/08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/>
              <a:t>klikk for å legge til tekst, endre bak-grunnsfarge: form fylle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6" name="GeneralDate" descr="{&quot;templafy&quot;:{&quot;id&quot;:&quot;52294f0a-bf0e-477d-bbf0-ea7a4ca9288d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Footer" descr="{&quot;templafy&quot;:{&quot;id&quot;:&quot;952743a7-bf2a-4363-a4b4-b5a6196b4515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sv-SE" smtClean="0"/>
              <a:t>24-08-18</a:t>
            </a:fld>
            <a:endParaRPr lang="sv-SE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7" name="GeneralDate" descr="{&quot;templafy&quot;:{&quot;id&quot;:&quot;ca0b21ba-3e86-489d-a259-7c063736d520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32" name="Footer" descr="{&quot;templafy&quot;:{&quot;id&quot;:&quot;cd42c6bb-3f8e-40bf-b20e-5e09321f9eb5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sv-SE" smtClean="0"/>
              <a:t>24-08-18</a:t>
            </a:fld>
            <a:endParaRPr lang="sv-SE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2" name="Footer" descr="{&quot;templafy&quot;:{&quot;id&quot;:&quot;5036556e-54c7-42bb-9321-233c58a4d58f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sv-SE" smtClean="0"/>
              <a:t>24-08-18</a:t>
            </a:fld>
            <a:endParaRPr lang="sv-SE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sv-SE" smtClean="0"/>
              <a:t>24-08-18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Footer" descr="{&quot;templafy&quot;:{&quot;id&quot;:&quot;aaf3d56f-6298-4e7c-bd87-bead85bfe2d1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5252d343-4ec9-4fd0-a5b8-57d172da82cf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b132304a-6a7d-4f9a-9282-b2411c696de4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3bf7567-ac61-4ff8-a69a-320fc7c4c539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9a9c3c7d-d93e-487e-8c0e-262e679deefa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2a9dcea-6efa-440f-9cda-f113bd1493aa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e98ceef-c2b5-4c3a-9fdb-c64c8f437c0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86a525a3-736c-4a10-b5de-ca854cbd522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a4bf290-9347-45c4-b508-f7f9f3a4dd9c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ddfabb75-e58c-4268-b14a-454b81c9176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0bd0afb-2c3f-448b-a73d-df2189ea5340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afa4a19-5393-402c-8bcc-ac87290f9e13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09066e7-4641-402f-b361-fbb3f921f7a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b91c5b82-e030-4a05-973c-79a73418d63f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sv-SE"/>
              <a:t>Klikk på plassholderen og lim inn det mørke bildet via Fotoware-ikonet i Templafy-panelet</a:t>
            </a:r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sv-SE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sv-SE" sz="900" noProof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sv-SE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sv-SE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sv-SE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sv-SE" altLang="da-DK" sz="900" noProof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1" kern="120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sv-SE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sv-SE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sv-SE" sz="3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sv-SE" sz="1800" noProof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sv-SE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sv-SE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sv-SE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sv-SE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sv-SE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sv-SE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sv-SE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4400" b="0" noProof="0">
                <a:solidFill>
                  <a:schemeClr val="tx1"/>
                </a:solidFill>
              </a:rPr>
              <a:t>If you see any </a:t>
            </a:r>
            <a:r>
              <a:rPr lang="sv-SE" sz="4400" b="1" i="1" noProof="0">
                <a:solidFill>
                  <a:schemeClr val="tx1"/>
                </a:solidFill>
              </a:rPr>
              <a:t>layouts after this </a:t>
            </a:r>
            <a:r>
              <a:rPr lang="sv-SE" sz="4400" b="0" i="0" noProof="0">
                <a:solidFill>
                  <a:schemeClr val="tx1"/>
                </a:solidFill>
              </a:rPr>
              <a:t>one</a:t>
            </a:r>
            <a:r>
              <a:rPr lang="sv-SE" sz="4400" b="1" i="1" noProof="0">
                <a:solidFill>
                  <a:schemeClr val="tx1"/>
                </a:solidFill>
              </a:rPr>
              <a:t>,</a:t>
            </a:r>
            <a:br>
              <a:rPr lang="nb-NO" sz="4400" b="0" i="0" noProof="0">
                <a:solidFill>
                  <a:schemeClr val="tx1"/>
                </a:solidFill>
              </a:rPr>
            </a:br>
            <a:r>
              <a:rPr lang="sv-SE" sz="4400" b="0" noProof="0">
                <a:solidFill>
                  <a:schemeClr val="tx1"/>
                </a:solidFill>
              </a:rPr>
              <a:t>do not use them. These layouts </a:t>
            </a:r>
            <a:r>
              <a:rPr lang="sv-SE" sz="4400" b="1" i="1" u="none" noProof="0">
                <a:solidFill>
                  <a:schemeClr val="tx1"/>
                </a:solidFill>
              </a:rPr>
              <a:t>are not </a:t>
            </a:r>
            <a:r>
              <a:rPr lang="sv-SE" sz="4400" b="0" noProof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>
                <a:solidFill>
                  <a:schemeClr val="tx1"/>
                </a:solidFill>
              </a:rPr>
            </a:br>
            <a:br>
              <a:rPr lang="nb-NO" sz="2800" b="0" noProof="0">
                <a:solidFill>
                  <a:schemeClr val="tx1"/>
                </a:solidFill>
              </a:rPr>
            </a:br>
            <a:endParaRPr lang="sv-SE" sz="2800" b="0" noProof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sv-SE" sz="13800" b="1" i="1" noProof="0">
                <a:solidFill>
                  <a:schemeClr val="tx1"/>
                </a:solidFill>
              </a:rPr>
              <a:t>Do not use </a:t>
            </a:r>
            <a:endParaRPr lang="sv-SE" sz="2400" b="1" i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sv-SE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>
                <a:solidFill>
                  <a:schemeClr val="tx1"/>
                </a:solidFill>
              </a:rPr>
            </a:br>
            <a:endParaRPr lang="sv-SE" sz="1800" b="0" noProof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sv-SE" smtClean="0"/>
              <a:t>18 augusti 2024</a:t>
            </a:fld>
            <a:endParaRPr lang="sv-SE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6d61c8c7-8f07-4d2d-b5db-e26706935337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84" r="29253"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sv-SE" smtClean="0"/>
              <a:t>24-08-18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sv-SE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 level</a:t>
            </a:r>
            <a:endParaRPr lang="sv-SE"/>
          </a:p>
          <a:p>
            <a:pPr lvl="6"/>
            <a:r>
              <a:rPr lang="sv-SE" noProof="0"/>
              <a:t>7 level</a:t>
            </a:r>
            <a:endParaRPr lang="sv-SE"/>
          </a:p>
          <a:p>
            <a:pPr lvl="7"/>
            <a:r>
              <a:rPr lang="sv-SE" noProof="0"/>
              <a:t>8 level</a:t>
            </a:r>
            <a:endParaRPr lang="sv-SE"/>
          </a:p>
          <a:p>
            <a:pPr lvl="8"/>
            <a:r>
              <a:rPr lang="sv-SE" noProof="0"/>
              <a:t>9 level</a:t>
            </a:r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7" name="Footer dynamisk" descr="{&quot;templafy&quot;:{&quot;id&quot;:&quot;e6542782-f7eb-4a87-aef8-64f256666663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image" Target="../media/image28.jpeg"/><Relationship Id="rId4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image" Target="../media/image29.jpeg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image" Target="../media/image30.jpeg"/><Relationship Id="rId4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6" Type="http://schemas.openxmlformats.org/officeDocument/2006/relationships/image" Target="../media/image31.jpeg"/><Relationship Id="rId5" Type="http://schemas.openxmlformats.org/officeDocument/2006/relationships/slideLayout" Target="../slideLayouts/slideLayout9.xml"/><Relationship Id="rId4" Type="http://schemas.openxmlformats.org/officeDocument/2006/relationships/tags" Target="../tags/tag1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30.xml"/><Relationship Id="rId1" Type="http://schemas.openxmlformats.org/officeDocument/2006/relationships/customXml" Target="../../customXml/item29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60406474112" TargetMode="External"/><Relationship Id="rId1" Type="http://schemas.openxmlformats.org/officeDocument/2006/relationships/slideLayout" Target="../slideLayouts/slideLayout3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6" Type="http://schemas.openxmlformats.org/officeDocument/2006/relationships/image" Target="../media/image25.jpeg"/><Relationship Id="rId5" Type="http://schemas.openxmlformats.org/officeDocument/2006/relationships/slideLayout" Target="../slideLayouts/slideLayout12.xml"/><Relationship Id="rId4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5" Type="http://schemas.openxmlformats.org/officeDocument/2006/relationships/image" Target="../media/image26.jpeg"/><Relationship Id="rId4" Type="http://schemas.openxmlformats.org/officeDocument/2006/relationships/slideLayout" Target="../slideLayouts/slideLayout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1</a:t>
            </a:fld>
            <a:endParaRPr lang="sv-SE"/>
          </a:p>
        </p:txBody>
      </p:sp>
      <p:pic>
        <p:nvPicPr>
          <p:cNvPr id="8" name="Platshållare för bild 7" descr="En bild som visar utomhus, himmel, klädsel, person&#10;&#10;Automatiskt genererad beskrivning">
            <a:extLst>
              <a:ext uri="{FF2B5EF4-FFF2-40B4-BE49-F238E27FC236}">
                <a16:creationId xmlns:a16="http://schemas.microsoft.com/office/drawing/2014/main" id="{05790057-0836-E9CC-E30D-0AA6BB3BBBD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2400" dirty="0"/>
              <a:t>Veidekkes HMS-uke 2024:</a:t>
            </a:r>
            <a:br>
              <a:rPr lang="nb-NO" sz="2400" dirty="0"/>
            </a:br>
            <a:br>
              <a:rPr lang="nb-NO" sz="2400" dirty="0"/>
            </a:br>
            <a:r>
              <a:rPr lang="nb-NO" sz="6000" dirty="0"/>
              <a:t>Sikker produksjon</a:t>
            </a:r>
            <a:br>
              <a:rPr lang="nb-NO" sz="2400" dirty="0"/>
            </a:br>
            <a:br>
              <a:rPr lang="nb-NO" sz="2400" dirty="0"/>
            </a:br>
            <a:r>
              <a:rPr lang="nb-NO" sz="2000" dirty="0"/>
              <a:t>S</a:t>
            </a:r>
            <a:r>
              <a:rPr lang="sv-SE" sz="2000" dirty="0"/>
              <a:t>tab og støttefunksjoner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dirty="0"/>
              <a:t>Oppgave</a:t>
            </a:r>
            <a:r>
              <a:rPr lang="sv-SE" sz="3400" spc="0" dirty="0"/>
              <a:t> 1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95782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2000" b="1" dirty="0"/>
              <a:t>Reflekter over ytringsklimaet på arbeidsplassen</a:t>
            </a:r>
          </a:p>
          <a:p>
            <a:pPr marL="0" indent="0">
              <a:buNone/>
            </a:pPr>
            <a:endParaRPr lang="nb-NO" sz="1400" dirty="0"/>
          </a:p>
          <a:p>
            <a:r>
              <a:rPr lang="nb-NO" sz="1600" dirty="0"/>
              <a:t>Hvordan får dere involvert alle i planleggingen av arbeidet som skal utføres? Hvordan får alle mulighet til å bidra?</a:t>
            </a:r>
          </a:p>
          <a:p>
            <a:r>
              <a:rPr lang="nb-NO" sz="1600" dirty="0"/>
              <a:t>Hvor enkelt er det å stille spørsmål eller ta opp problemer med de du jobber sammen med?</a:t>
            </a:r>
          </a:p>
          <a:p>
            <a:r>
              <a:rPr lang="nb-NO" sz="1600" dirty="0"/>
              <a:t>Har dere en gruppeavtale? Fungerer den slik dere hadde tenkt? Hvordan opplever du at den følges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0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861BF273-4901-35C0-4B4C-926F819C2976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i ulike roller som prater sammen</a:t>
            </a:r>
          </a:p>
        </p:txBody>
      </p:sp>
      <p:pic>
        <p:nvPicPr>
          <p:cNvPr id="8" name="Bilde 7" descr="Et bilde som inneholder utendørs, person, Landkjøretøy, hjelm&#10;&#10;Automatisk generert beskrivelse">
            <a:extLst>
              <a:ext uri="{FF2B5EF4-FFF2-40B4-BE49-F238E27FC236}">
                <a16:creationId xmlns:a16="http://schemas.microsoft.com/office/drawing/2014/main" id="{135811FB-9ADF-7C4F-4C8C-8419E576041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90652" y="0"/>
            <a:ext cx="6001348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36234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2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06717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2000" b="1" dirty="0"/>
              <a:t>Det fysiske arbeidsmiljøet</a:t>
            </a:r>
          </a:p>
          <a:p>
            <a:pPr marL="0" indent="0">
              <a:buNone/>
            </a:pPr>
            <a:endParaRPr lang="nb-NO" sz="1400" b="1" dirty="0"/>
          </a:p>
          <a:p>
            <a:r>
              <a:rPr lang="nb-NO" sz="1600" dirty="0"/>
              <a:t>Er det noe på arbeidsplassen som gjør deg trøtt eller sliten? F.eks. lydnivå, arbeidsstilling, syn og skjerm, forstyrrelser.</a:t>
            </a:r>
          </a:p>
          <a:p>
            <a:r>
              <a:rPr lang="nb-NO" sz="1600" dirty="0"/>
              <a:t>Hva kan gjøres for å bedre det fysiske arbeidsmiljøet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1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7CF47C37-1A8A-80F1-91DE-2DD386057CC5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på byggeplass i dagslys som arbeider</a:t>
            </a:r>
          </a:p>
        </p:txBody>
      </p:sp>
      <p:pic>
        <p:nvPicPr>
          <p:cNvPr id="8" name="Bilde 7" descr="Et bilde som inneholder himmel, Menneskeansikt, hjelm, person&#10;&#10;Automatisk generert beskrivelse">
            <a:extLst>
              <a:ext uri="{FF2B5EF4-FFF2-40B4-BE49-F238E27FC236}">
                <a16:creationId xmlns:a16="http://schemas.microsoft.com/office/drawing/2014/main" id="{3D27E0FD-2AFB-3C34-5B55-6AC1D5EF2ADE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49" y="0"/>
            <a:ext cx="6190651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1341587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3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1600" b="1" dirty="0"/>
              <a:t>Denne dagen oppfordrer vi alle i stab og støttefunksjoner (som har mulighet) til å planlegge et prosjektbesøk. Besøket trenger ikke skje denne dagen. </a:t>
            </a:r>
          </a:p>
          <a:p>
            <a:pPr marL="0" indent="0">
              <a:buNone/>
            </a:pPr>
            <a:endParaRPr lang="nb-NO" sz="1600" dirty="0"/>
          </a:p>
          <a:p>
            <a:pPr marL="0" indent="0">
              <a:buNone/>
            </a:pPr>
            <a:r>
              <a:rPr lang="nb-NO" sz="1600" dirty="0"/>
              <a:t>Under selve besøket:</a:t>
            </a:r>
          </a:p>
          <a:p>
            <a:r>
              <a:rPr lang="nb-NO" sz="1600" dirty="0"/>
              <a:t>Diskuter med medarbeiderne om det er noe du kan planlegge eller gjøre annerledes for å forbedre sikkerheten i produksjonen. </a:t>
            </a:r>
          </a:p>
          <a:p>
            <a:r>
              <a:rPr lang="nb-NO" sz="1600" dirty="0"/>
              <a:t>Er det noen avgjørelser du er ansvarlig for som kan innebære risiko på arbeidsplassen i fremtiden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2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53998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Oversikt over en byggeplass</a:t>
            </a:r>
          </a:p>
        </p:txBody>
      </p:sp>
      <p:pic>
        <p:nvPicPr>
          <p:cNvPr id="4" name="Bilde 3" descr="Et bilde som inneholder konstruksjon, Storbyområde, Urbant område, Metropol&#10;&#10;Automatisk generert beskrivelse">
            <a:extLst>
              <a:ext uri="{FF2B5EF4-FFF2-40B4-BE49-F238E27FC236}">
                <a16:creationId xmlns:a16="http://schemas.microsoft.com/office/drawing/2014/main" id="{F70E8DA7-4094-53E8-60C5-0FCC668B8183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14700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000" b="1" dirty="0"/>
              <a:t>Oppsummering av Veidekkes HMS-u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400" b="1" dirty="0"/>
          </a:p>
          <a:p>
            <a:r>
              <a:rPr lang="nb-NO" sz="1600" dirty="0"/>
              <a:t>Hvilke forbedringsmuligheter ser dere? Gå gjennom svarene med hele gruppen</a:t>
            </a:r>
            <a:endParaRPr lang="nb-NO" sz="2000" dirty="0"/>
          </a:p>
          <a:p>
            <a:r>
              <a:rPr lang="nb-NO" sz="1600" dirty="0"/>
              <a:t>Bli enige om minst én ting dere skal bli bedre på og jobbe videre med. Legg det inn i fremtidig planlegging hvis mulig. Bestem når og hvordan dere følger dette opp. </a:t>
            </a:r>
            <a:endParaRPr lang="nb-NO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3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53998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Oversikt over en byggeplass</a:t>
            </a:r>
          </a:p>
        </p:txBody>
      </p:sp>
      <p:pic>
        <p:nvPicPr>
          <p:cNvPr id="16" name="Picture 3">
            <a:extLst>
              <a:ext uri="{FF2B5EF4-FFF2-40B4-BE49-F238E27FC236}">
                <a16:creationId xmlns:a16="http://schemas.microsoft.com/office/drawing/2014/main" id="{25CD730C-03F7-14DB-96CA-CF74816B533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93991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 descr="Et bilde som inneholder transport, himmel, utendørs, romfartøy&#10;&#10;Automatisk generert beskrivelse">
            <a:extLst>
              <a:ext uri="{FF2B5EF4-FFF2-40B4-BE49-F238E27FC236}">
                <a16:creationId xmlns:a16="http://schemas.microsoft.com/office/drawing/2014/main" id="{30A060B9-0B83-395C-3C4C-E0C4B4D51F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5" name="Plassholder for lysbildenummer 4" hidden="1">
            <a:extLst>
              <a:ext uri="{FF2B5EF4-FFF2-40B4-BE49-F238E27FC236}">
                <a16:creationId xmlns:a16="http://schemas.microsoft.com/office/drawing/2014/main" id="{0640B85C-B5ED-7594-1062-86FD1F87F2A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15883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sv-SE"/>
              <a:t>Takk for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sv-SE" smtClean="0"/>
              <a:pPr/>
              <a:t>15</a:t>
            </a:fld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accent1"/>
                </a:solidFill>
                <a:latin typeface="+mj-lt"/>
              </a:rPr>
              <a:t>Veidekkes overordnede HMS-mål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Ingen skal bli syke, skade seg eller i verste fall miste livet som følge av å jobbe i eller for Veidekke. Hovedprioriteten er å få slutt på de alvorlige skadene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En viktig forutsetning for god HMS er god produksjon og aktiv involvering av alle medarbeidere. Veidekke skal kontinuerlig jobbe med forbedringer av selskapets systematiske HMS-arbeid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Våre arbeidssteder skal kjennetegnes av høy trivsel og nulltoleranse for mobbing og trakassering. Alle skal behandles likeverdig og med respekt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3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574758"/>
            <a:ext cx="6552558" cy="287895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nb-NO" sz="1600" dirty="0"/>
              <a:t>Hvordan skal vi bli gode på å involvere, planlegge aktiviteter og å identifisere de største farene? </a:t>
            </a:r>
            <a:r>
              <a:rPr lang="nb-NO" sz="1600" b="1" dirty="0"/>
              <a:t>Temaet for årets HMS-uke er sikker produksjon.</a:t>
            </a:r>
            <a:br>
              <a:rPr lang="nb-NO" sz="1600" b="1" dirty="0"/>
            </a:br>
            <a:br>
              <a:rPr lang="nb-NO" sz="1600" b="1" dirty="0"/>
            </a:br>
            <a: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I løpet av uka skal vi se nærmere på hvordan valgene våre og planlegging påvirker sikkerheten og arbeidsmiljøet. </a:t>
            </a:r>
            <a:b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</a:br>
            <a:b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</a:br>
            <a: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Vi skal også snakke om hvordan vi involverer hverandre i arbeidshverdagen og hvordan vi skaper gode forutsetninger for sikker produksjon. </a:t>
            </a:r>
            <a:endParaRPr lang="sv-SE" sz="1600" b="1" dirty="0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2" y="1404288"/>
            <a:ext cx="7552210" cy="866840"/>
          </a:xfrm>
        </p:spPr>
        <p:txBody>
          <a:bodyPr/>
          <a:lstStyle/>
          <a:p>
            <a:pPr algn="l"/>
            <a:r>
              <a:rPr lang="sv-SE" sz="2400" b="1" dirty="0"/>
              <a:t>Veidekkes HMS-uke 2024: </a:t>
            </a:r>
          </a:p>
          <a:p>
            <a:pPr algn="l"/>
            <a:r>
              <a:rPr lang="sv-SE" sz="3600" b="1" dirty="0"/>
              <a:t>Små valg kan gi store konsekvenser</a:t>
            </a:r>
          </a:p>
        </p:txBody>
      </p:sp>
    </p:spTree>
    <p:extLst>
      <p:ext uri="{BB962C8B-B14F-4D97-AF65-F5344CB8AC3E}">
        <p14:creationId xmlns:p14="http://schemas.microsoft.com/office/powerpoint/2010/main" val="375939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945685" cy="1065600"/>
          </a:xfrm>
        </p:spPr>
        <p:txBody>
          <a:bodyPr/>
          <a:lstStyle/>
          <a:p>
            <a:r>
              <a:rPr lang="nb-NO" dirty="0"/>
              <a:t>Hvordan gjennomføre felles program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945684" cy="4107600"/>
          </a:xfrm>
        </p:spPr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ort i</a:t>
            </a: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troduksjon til årets tema, bruk gjerne denne PowerPoint-presentasjonen (5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pill av årets HMS-ukefilm på storskjerm, eventuelt via mobiltelefonen (7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jennomfør refleksjonsoppgavene i mindre grupper. Gå sammen to og to eller tre og tre. Diskuter deretter svarene i plenum. (Sett av tilstrekkelig med tid – minst 45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et felles programmet tar cirka 60 minutter å gjenno</a:t>
            </a:r>
            <a:r>
              <a:rPr lang="nb-NO" sz="1600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føre til sammen. </a:t>
            </a: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3" name="Bilde 2" descr="Et bilde som inneholder hjelm, konstruksjon, brannkonstabel, arbeidsantrekk&#10;&#10;Automatisk generert beskrivelse">
            <a:extLst>
              <a:ext uri="{FF2B5EF4-FFF2-40B4-BE49-F238E27FC236}">
                <a16:creationId xmlns:a16="http://schemas.microsoft.com/office/drawing/2014/main" id="{A3A0DC98-812C-8E3F-8CDE-06BCCCC9DCB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78316" y="0"/>
            <a:ext cx="556940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66912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tittel 2">
            <a:extLst>
              <a:ext uri="{FF2B5EF4-FFF2-40B4-BE49-F238E27FC236}">
                <a16:creationId xmlns:a16="http://schemas.microsoft.com/office/drawing/2014/main" id="{5D2F0B58-CE8B-3A9F-5DDD-FC7E206CCF9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sz="4000" dirty="0">
                <a:hlinkClick r:id="rId2"/>
              </a:rPr>
              <a:t>Se årets HMS-ukefilm her</a:t>
            </a:r>
            <a:endParaRPr lang="nb-NO" sz="4000" dirty="0"/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5538B9B1-BD53-6E1A-182F-9779695772E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7644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1065600"/>
          </a:xfrm>
        </p:spPr>
        <p:txBody>
          <a:bodyPr anchor="t">
            <a:normAutofit/>
          </a:bodyPr>
          <a:lstStyle/>
          <a:p>
            <a:r>
              <a:rPr lang="nb-NO" sz="3200" dirty="0"/>
              <a:t>Refleksjonsoppgaver etter filmen</a:t>
            </a:r>
            <a:endParaRPr lang="sv-SE" sz="3400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4982027" cy="428353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1600" dirty="0"/>
              <a:t>Bruk tilstrekkelig med tid på denne delen, minst 45 minutter</a:t>
            </a:r>
          </a:p>
          <a:p>
            <a:pPr marL="0" indent="0">
              <a:buNone/>
            </a:pPr>
            <a:endParaRPr lang="nb-NO" sz="1600" dirty="0"/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Gå sammen to og to eller tre og tr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Gjennomfør refleksjonsoppgaven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Diskuter deretter svarene i plenum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6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som prater med hverandre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CCC57EB-4605-735D-4092-165EF8C1CDD0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96000" y="0"/>
            <a:ext cx="6095999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088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489309"/>
          </a:xfrm>
        </p:spPr>
        <p:txBody>
          <a:bodyPr anchor="t">
            <a:noAutofit/>
          </a:bodyPr>
          <a:lstStyle/>
          <a:p>
            <a:r>
              <a:rPr lang="nb-NO" sz="3200" dirty="0"/>
              <a:t>Refleksjonsoppgaver etter filmen</a:t>
            </a:r>
            <a:endParaRPr lang="sv-SE" sz="3200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6581237" cy="4283532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buNone/>
            </a:pPr>
            <a:r>
              <a:rPr lang="nb-NO" sz="1500" b="1" dirty="0"/>
              <a:t>Ta utgangspunkt i hva dere skal gjøre på jobb denne uka. Velg ut spørsmålene som er relevante for gruppen. Bruk cirka fem minutter per spørsmål. Noter ned svarene på </a:t>
            </a:r>
            <a:r>
              <a:rPr lang="nb-NO" sz="1500" b="1" dirty="0" err="1"/>
              <a:t>post-it</a:t>
            </a:r>
            <a:r>
              <a:rPr lang="nb-NO" sz="1500" b="1" dirty="0"/>
              <a:t>-lapper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endParaRPr lang="nb-NO" sz="1600" i="1" dirty="0"/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Hvilke oppgaver/prosjekter/prosesser jobber dere med denne uka?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Hvordan planlegger dere for at arbeidet skal kunne utføres i et godt arbeidsmiljø?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Påvirker planleggingen dere gjør sikkerheten og arbeidsmiljøet i produksjonen?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Hvilke andre kompetanser/faggrupper bør dere involvere i planleggingen for å oppdage risiko så tidlig som mulig? F.eks. andre støttefunksjoner, produksjon, verneombu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7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som prater med hverandre</a:t>
            </a:r>
          </a:p>
        </p:txBody>
      </p:sp>
      <p:pic>
        <p:nvPicPr>
          <p:cNvPr id="4" name="Bilde 3" descr="Et bilde som inneholder utendørs, klær, himmel, person&#10;&#10;Automatisk generert beskrivelse">
            <a:extLst>
              <a:ext uri="{FF2B5EF4-FFF2-40B4-BE49-F238E27FC236}">
                <a16:creationId xmlns:a16="http://schemas.microsoft.com/office/drawing/2014/main" id="{7A355304-DA43-DA5B-0159-64658227B02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462982" y="0"/>
            <a:ext cx="4729017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56129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09BB1DD-97A6-D9BC-9EB3-0DC23BEC8E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77970" cy="1065600"/>
          </a:xfrm>
        </p:spPr>
        <p:txBody>
          <a:bodyPr anchor="t">
            <a:normAutofit/>
          </a:bodyPr>
          <a:lstStyle/>
          <a:p>
            <a:r>
              <a:rPr lang="nb-NO" sz="3400"/>
              <a:t>Gå gjennom alle svarene med hele gruppen</a:t>
            </a:r>
            <a:endParaRPr lang="sv-SE" sz="3400"/>
          </a:p>
        </p:txBody>
      </p:sp>
      <p:sp>
        <p:nvSpPr>
          <p:cNvPr id="4" name="Platshållare för innehåll 3">
            <a:extLst>
              <a:ext uri="{FF2B5EF4-FFF2-40B4-BE49-F238E27FC236}">
                <a16:creationId xmlns:a16="http://schemas.microsoft.com/office/drawing/2014/main" id="{3F4228E1-D5FB-B209-6B00-D81E5476D7F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4607954" cy="4107600"/>
          </a:xfrm>
        </p:spPr>
        <p:txBody>
          <a:bodyPr>
            <a:normAutofit/>
          </a:bodyPr>
          <a:lstStyle/>
          <a:p>
            <a:r>
              <a:rPr lang="nb-NO" sz="1600" dirty="0"/>
              <a:t>Hvilke forbedringsmuligheter ser dere?</a:t>
            </a:r>
          </a:p>
          <a:p>
            <a:r>
              <a:rPr lang="nb-NO" sz="1600" dirty="0"/>
              <a:t>Bli enige om minst én forbedring dere skal jobbe videre med. </a:t>
            </a:r>
          </a:p>
          <a:p>
            <a:r>
              <a:rPr lang="nb-NO" sz="1600" dirty="0"/>
              <a:t>Legg inn forbedringen i planen om mulig. Bestem når og hvordan dere skal følge dette opp. </a:t>
            </a:r>
          </a:p>
          <a:p>
            <a:pPr marL="0" indent="0">
              <a:buNone/>
            </a:pPr>
            <a:endParaRPr lang="nb-NO" sz="1500" dirty="0"/>
          </a:p>
          <a:p>
            <a:pPr marL="0" indent="0">
              <a:buNone/>
            </a:pPr>
            <a:endParaRPr lang="sv-SE" sz="1500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07C3DDA3-FF23-A476-36C2-128481D351C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8</a:t>
            </a:fld>
            <a:endParaRPr lang="sv-SE"/>
          </a:p>
        </p:txBody>
      </p:sp>
      <p:sp>
        <p:nvSpPr>
          <p:cNvPr id="8" name="TekstSylinder 7">
            <a:extLst>
              <a:ext uri="{FF2B5EF4-FFF2-40B4-BE49-F238E27FC236}">
                <a16:creationId xmlns:a16="http://schemas.microsoft.com/office/drawing/2014/main" id="{7B679565-BD45-B861-07D8-6F4A8A3C810A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Gruppe med mennesker fra Veidekke som diskuterer</a:t>
            </a:r>
          </a:p>
        </p:txBody>
      </p:sp>
      <p:pic>
        <p:nvPicPr>
          <p:cNvPr id="6" name="Picture 6">
            <a:extLst>
              <a:ext uri="{FF2B5EF4-FFF2-40B4-BE49-F238E27FC236}">
                <a16:creationId xmlns:a16="http://schemas.microsoft.com/office/drawing/2014/main" id="{0C9EA4DD-5EF5-CF09-552E-F07B8A8686B1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717969" y="0"/>
            <a:ext cx="647403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9828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9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693773"/>
            <a:ext cx="6552558" cy="158084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nb-NO" sz="1500" dirty="0"/>
              <a:t>Her er forslag til individuelle observasjonsoppgaver man kan gjøre de andre dagene i Veidekkes HMS-uke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Man trenger ikke gjøre alle, velg ut én eller to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Start hver dag med å stille spørsmålet til hele arbeidsgruppen, be alle ha dette i tankene gjennom dagen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Gå gjennom tankene/svarene neste dag, før start på neste oppgave. 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2" y="1404288"/>
            <a:ext cx="6782966" cy="943143"/>
          </a:xfrm>
        </p:spPr>
        <p:txBody>
          <a:bodyPr/>
          <a:lstStyle/>
          <a:p>
            <a:pPr algn="l"/>
            <a:r>
              <a:rPr lang="sv-SE" sz="3600" b="1" dirty="0"/>
              <a:t>Forslag til refleksjonsoppgaver for de neste dagene</a:t>
            </a:r>
          </a:p>
        </p:txBody>
      </p:sp>
    </p:spTree>
    <p:extLst>
      <p:ext uri="{BB962C8B-B14F-4D97-AF65-F5344CB8AC3E}">
        <p14:creationId xmlns:p14="http://schemas.microsoft.com/office/powerpoint/2010/main" val="4751238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8df10c46-325d-470d-90b7-f6e6561dfcab.jpe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112f1bc7-2b54-4658-9d99-29cd0c9316be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4ac1c16a-6fc7-402b-8be1-f4c2416878fa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TemplateConfiguration><![CDATA[{"elementsMetadata":[{"type":"shape","id":"e6542782-f7eb-4a87-aef8-64f256666663","elementConfiguration":{"binding":"Form.Footer","disableUpdates":false,"type":"text"}},{"type":"shape","id":"86a525a3-736c-4a10-b5de-ca854cbd5223","elementConfiguration":{"format":"{{DateFormats.GeneralDate}}","binding":"Form.Date","disableUpdates":false,"type":"date"}},{"type":"shape","id":"3a4bf290-9347-45c4-b508-f7f9f3a4dd9c","elementConfiguration":{"binding":"Form.Footer","disableUpdates":false,"type":"text"}},{"type":"shape","id":"b2a9dcea-6efa-440f-9cda-f113bd1493aa","elementConfiguration":{"format":"{{DateFormats.GeneralDate}}","binding":"Form.Date","disableUpdates":false,"type":"date"}},{"type":"shape","id":"3e98ceef-c2b5-4c3a-9fdb-c64c8f437c0e","elementConfiguration":{"binding":"Form.Footer","disableUpdates":false,"type":"text"}},{"type":"shape","id":"52294f0a-bf0e-477d-bbf0-ea7a4ca9288d","elementConfiguration":{"format":"{{DateFormats.GeneralDate}}","binding":"Form.Date","disableUpdates":false,"type":"date"}},{"type":"shape","id":"952743a7-bf2a-4363-a4b4-b5a6196b4515","elementConfiguration":{"binding":"Form.Footer","disableUpdates":false,"type":"text"}},{"type":"shape","id":"709066e7-4641-402f-b361-fbb3f921f7a3","elementConfiguration":{"format":"{{DateFormats.GeneralDate}}","binding":"Form.Date","disableUpdates":false,"type":"date"}},{"type":"shape","id":"b91c5b82-e030-4a05-973c-79a73418d63f","elementConfiguration":{"binding":"Form.Footer","disableUpdates":false,"type":"text"}},{"type":"shape","id":"aaf3d56f-6298-4e7c-bd87-bead85bfe2d1","elementConfiguration":{"binding":"Form.Footer","disableUpdates":false,"type":"text"}},{"type":"shape","id":"73bf7567-ac61-4ff8-a69a-320fc7c4c539","elementConfiguration":{"format":"{{DateFormats.GeneralDate}}","binding":"Form.Date","disableUpdates":false,"type":"date"}},{"type":"shape","id":"9a9c3c7d-d93e-487e-8c0e-262e679deefa","elementConfiguration":{"binding":"Form.Footer","disableUpdates":false,"type":"text"}},{"type":"shape","id":"b0bd0afb-2c3f-448b-a73d-df2189ea5340","elementConfiguration":{"format":"{{DateFormats.GeneralDate}}","binding":"Form.Date","disableUpdates":false,"type":"date"}},{"type":"shape","id":"3afa4a19-5393-402c-8bcc-ac87290f9e13","elementConfiguration":{"binding":"Form.Footer","disableUpdates":false,"type":"text"}},{"type":"shape","id":"6d61c8c7-8f07-4d2d-b5db-e26706935337","elementConfiguration":{"binding":"Form.Footer","disableUpdates":false,"type":"text"}},{"type":"shape","id":"5036556e-54c7-42bb-9321-233c58a4d58f","elementConfiguration":{"binding":"Form.Footer","disableUpdates":false,"type":"text"}},{"type":"shape","id":"5252d343-4ec9-4fd0-a5b8-57d172da82cf","elementConfiguration":{"format":"{{DateFormats.GeneralDate}}","binding":"Form.Date","disableUpdates":false,"type":"date"}},{"type":"shape","id":"b132304a-6a7d-4f9a-9282-b2411c696de4","elementConfiguration":{"binding":"Form.Footer","disableUpdates":false,"type":"text"}},{"type":"shape","id":"ddfabb75-e58c-4268-b14a-454b81c91763","elementConfiguration":{"binding":"Form.Footer","disableUpdates":false,"type":"text"}},{"type":"shape","id":"ca0b21ba-3e86-489d-a259-7c063736d520","elementConfiguration":{"format":"{{DateFormats.GeneralDate}}","binding":"Form.Date","disableUpdates":false,"type":"date"}},{"type":"shape","id":"cd42c6bb-3f8e-40bf-b20e-5e09321f9eb5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4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BBCD187FD916B4BB7AA44BF0EE7E173" ma:contentTypeVersion="13" ma:contentTypeDescription="Opprett et nytt dokument." ma:contentTypeScope="" ma:versionID="36bf0425eea7e9de40f36e44d0216da7">
  <xsd:schema xmlns:xsd="http://www.w3.org/2001/XMLSchema" xmlns:xs="http://www.w3.org/2001/XMLSchema" xmlns:p="http://schemas.microsoft.com/office/2006/metadata/properties" xmlns:ns2="10a17540-a4c3-42e8-b9c8-7c4119285c61" xmlns:ns3="1aa8595b-683f-47e7-a4b0-47fa7d3e99a4" targetNamespace="http://schemas.microsoft.com/office/2006/metadata/properties" ma:root="true" ma:fieldsID="1219b92f1dbe3f89ed43d1798d81307f" ns2:_="" ns3:_="">
    <xsd:import namespace="10a17540-a4c3-42e8-b9c8-7c4119285c61"/>
    <xsd:import namespace="1aa8595b-683f-47e7-a4b0-47fa7d3e99a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a17540-a4c3-42e8-b9c8-7c4119285c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Bildemerkelapper" ma:readOnly="false" ma:fieldId="{5cf76f15-5ced-4ddc-b409-7134ff3c332f}" ma:taxonomyMulti="true" ma:sspId="a9dd55ca-a5e4-4dac-96a5-1c5a97a6933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a8595b-683f-47e7-a4b0-47fa7d3e99a4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a4ed825-1ce5-4a7b-bbea-bdf613feb08e}" ma:internalName="TaxCatchAll" ma:showField="CatchAllData" ma:web="1aa8595b-683f-47e7-a4b0-47fa7d3e99a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0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30.xml><?xml version="1.0" encoding="utf-8"?>
<TemplafySlideFormConfiguration><![CDATA[{"formFields":[],"formDataEntries":[]}]]></TemplafySlideForm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3A41DC27-7883-4BB3-818E-986BAFEFA523}">
  <ds:schemaRefs/>
</ds:datastoreItem>
</file>

<file path=customXml/itemProps10.xml><?xml version="1.0" encoding="utf-8"?>
<ds:datastoreItem xmlns:ds="http://schemas.openxmlformats.org/officeDocument/2006/customXml" ds:itemID="{8C6545C5-5FC3-4F21-B6CA-17ED56311BD8}">
  <ds:schemaRefs/>
</ds:datastoreItem>
</file>

<file path=customXml/itemProps11.xml><?xml version="1.0" encoding="utf-8"?>
<ds:datastoreItem xmlns:ds="http://schemas.openxmlformats.org/officeDocument/2006/customXml" ds:itemID="{EA1FE7B0-8006-489E-AE98-9950FE63513A}">
  <ds:schemaRefs/>
</ds:datastoreItem>
</file>

<file path=customXml/itemProps12.xml><?xml version="1.0" encoding="utf-8"?>
<ds:datastoreItem xmlns:ds="http://schemas.openxmlformats.org/officeDocument/2006/customXml" ds:itemID="{2CED0541-F3A3-439E-94B2-4FDF8D02FE90}">
  <ds:schemaRefs/>
</ds:datastoreItem>
</file>

<file path=customXml/itemProps13.xml><?xml version="1.0" encoding="utf-8"?>
<ds:datastoreItem xmlns:ds="http://schemas.openxmlformats.org/officeDocument/2006/customXml" ds:itemID="{65EC060A-A282-4186-9BC0-29749DBBFB42}">
  <ds:schemaRefs/>
</ds:datastoreItem>
</file>

<file path=customXml/itemProps14.xml><?xml version="1.0" encoding="utf-8"?>
<ds:datastoreItem xmlns:ds="http://schemas.openxmlformats.org/officeDocument/2006/customXml" ds:itemID="{CB158AE9-1DF0-474C-83D2-5BF9E2445171}">
  <ds:schemaRefs>
    <ds:schemaRef ds:uri="10a17540-a4c3-42e8-b9c8-7c4119285c61"/>
    <ds:schemaRef ds:uri="1aa8595b-683f-47e7-a4b0-47fa7d3e99a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15.xml><?xml version="1.0" encoding="utf-8"?>
<ds:datastoreItem xmlns:ds="http://schemas.openxmlformats.org/officeDocument/2006/customXml" ds:itemID="{B110F952-0512-4414-9D74-97C3E9582A30}">
  <ds:schemaRefs/>
</ds:datastoreItem>
</file>

<file path=customXml/itemProps16.xml><?xml version="1.0" encoding="utf-8"?>
<ds:datastoreItem xmlns:ds="http://schemas.openxmlformats.org/officeDocument/2006/customXml" ds:itemID="{13D78C15-0DA3-45E0-A669-DBF2CDA40DA1}">
  <ds:schemaRefs/>
</ds:datastoreItem>
</file>

<file path=customXml/itemProps17.xml><?xml version="1.0" encoding="utf-8"?>
<ds:datastoreItem xmlns:ds="http://schemas.openxmlformats.org/officeDocument/2006/customXml" ds:itemID="{C59813F2-02E7-4D1A-B58F-E418758F8477}">
  <ds:schemaRefs/>
</ds:datastoreItem>
</file>

<file path=customXml/itemProps18.xml><?xml version="1.0" encoding="utf-8"?>
<ds:datastoreItem xmlns:ds="http://schemas.openxmlformats.org/officeDocument/2006/customXml" ds:itemID="{1D44F357-3AB6-4276-8F86-911BF680385A}">
  <ds:schemaRefs/>
</ds:datastoreItem>
</file>

<file path=customXml/itemProps19.xml><?xml version="1.0" encoding="utf-8"?>
<ds:datastoreItem xmlns:ds="http://schemas.openxmlformats.org/officeDocument/2006/customXml" ds:itemID="{D82FF717-769B-4FD9-972D-BB5D95D9FA06}">
  <ds:schemaRefs/>
</ds:datastoreItem>
</file>

<file path=customXml/itemProps2.xml><?xml version="1.0" encoding="utf-8"?>
<ds:datastoreItem xmlns:ds="http://schemas.openxmlformats.org/officeDocument/2006/customXml" ds:itemID="{1CFE11DB-931C-4836-8F44-B19A0063A10E}">
  <ds:schemaRefs>
    <ds:schemaRef ds:uri="http://schemas.microsoft.com/sharepoint/v3/contenttype/forms"/>
  </ds:schemaRefs>
</ds:datastoreItem>
</file>

<file path=customXml/itemProps20.xml><?xml version="1.0" encoding="utf-8"?>
<ds:datastoreItem xmlns:ds="http://schemas.openxmlformats.org/officeDocument/2006/customXml" ds:itemID="{721D86C1-69D5-4BE4-BC75-7ED5A8F54AE6}">
  <ds:schemaRefs/>
</ds:datastoreItem>
</file>

<file path=customXml/itemProps21.xml><?xml version="1.0" encoding="utf-8"?>
<ds:datastoreItem xmlns:ds="http://schemas.openxmlformats.org/officeDocument/2006/customXml" ds:itemID="{E82D3CC7-4680-4EF2-838D-9FAFD8331843}">
  <ds:schemaRefs/>
</ds:datastoreItem>
</file>

<file path=customXml/itemProps22.xml><?xml version="1.0" encoding="utf-8"?>
<ds:datastoreItem xmlns:ds="http://schemas.openxmlformats.org/officeDocument/2006/customXml" ds:itemID="{C433839E-BD91-4C65-9385-C0AA8126165E}">
  <ds:schemaRefs/>
</ds:datastoreItem>
</file>

<file path=customXml/itemProps23.xml><?xml version="1.0" encoding="utf-8"?>
<ds:datastoreItem xmlns:ds="http://schemas.openxmlformats.org/officeDocument/2006/customXml" ds:itemID="{1604509F-B430-424F-ADE8-11DF62C2D9CB}">
  <ds:schemaRefs/>
</ds:datastoreItem>
</file>

<file path=customXml/itemProps24.xml><?xml version="1.0" encoding="utf-8"?>
<ds:datastoreItem xmlns:ds="http://schemas.openxmlformats.org/officeDocument/2006/customXml" ds:itemID="{7CCBA81A-4A73-43FD-A227-A3F47A3A1726}">
  <ds:schemaRefs/>
</ds:datastoreItem>
</file>

<file path=customXml/itemProps25.xml><?xml version="1.0" encoding="utf-8"?>
<ds:datastoreItem xmlns:ds="http://schemas.openxmlformats.org/officeDocument/2006/customXml" ds:itemID="{71F1680F-E29C-4E80-BE61-4A33772E95A9}">
  <ds:schemaRefs/>
</ds:datastoreItem>
</file>

<file path=customXml/itemProps26.xml><?xml version="1.0" encoding="utf-8"?>
<ds:datastoreItem xmlns:ds="http://schemas.openxmlformats.org/officeDocument/2006/customXml" ds:itemID="{14230AF1-3D31-43BF-9390-86BCADCDEF67}">
  <ds:schemaRefs/>
</ds:datastoreItem>
</file>

<file path=customXml/itemProps27.xml><?xml version="1.0" encoding="utf-8"?>
<ds:datastoreItem xmlns:ds="http://schemas.openxmlformats.org/officeDocument/2006/customXml" ds:itemID="{C9213CE5-FCA6-418E-A26A-9CB8B6BA05D6}">
  <ds:schemaRefs/>
</ds:datastoreItem>
</file>

<file path=customXml/itemProps28.xml><?xml version="1.0" encoding="utf-8"?>
<ds:datastoreItem xmlns:ds="http://schemas.openxmlformats.org/officeDocument/2006/customXml" ds:itemID="{E779C0B6-AAF3-4867-8642-5953BD19F8A9}">
  <ds:schemaRefs/>
</ds:datastoreItem>
</file>

<file path=customXml/itemProps29.xml><?xml version="1.0" encoding="utf-8"?>
<ds:datastoreItem xmlns:ds="http://schemas.openxmlformats.org/officeDocument/2006/customXml" ds:itemID="{53CA4DCD-9856-41AF-B970-9FFEFC8944FC}">
  <ds:schemaRefs/>
</ds:datastoreItem>
</file>

<file path=customXml/itemProps3.xml><?xml version="1.0" encoding="utf-8"?>
<ds:datastoreItem xmlns:ds="http://schemas.openxmlformats.org/officeDocument/2006/customXml" ds:itemID="{A4B406F4-1251-4A88-8354-A2050A704DA8}">
  <ds:schemaRefs/>
</ds:datastoreItem>
</file>

<file path=customXml/itemProps30.xml><?xml version="1.0" encoding="utf-8"?>
<ds:datastoreItem xmlns:ds="http://schemas.openxmlformats.org/officeDocument/2006/customXml" ds:itemID="{8DC401BE-F44F-4C08-A50D-145656DAC038}">
  <ds:schemaRefs/>
</ds:datastoreItem>
</file>

<file path=customXml/itemProps4.xml><?xml version="1.0" encoding="utf-8"?>
<ds:datastoreItem xmlns:ds="http://schemas.openxmlformats.org/officeDocument/2006/customXml" ds:itemID="{D26AA085-4532-49D4-92C7-84E151780CCB}">
  <ds:schemaRefs/>
</ds:datastoreItem>
</file>

<file path=customXml/itemProps5.xml><?xml version="1.0" encoding="utf-8"?>
<ds:datastoreItem xmlns:ds="http://schemas.openxmlformats.org/officeDocument/2006/customXml" ds:itemID="{66FD51B9-83F1-43BC-AA96-BD43703FE846}">
  <ds:schemaRefs/>
</ds:datastoreItem>
</file>

<file path=customXml/itemProps6.xml><?xml version="1.0" encoding="utf-8"?>
<ds:datastoreItem xmlns:ds="http://schemas.openxmlformats.org/officeDocument/2006/customXml" ds:itemID="{DDA4D963-764D-4BEF-95A2-5B50FA316A98}">
  <ds:schemaRefs/>
</ds:datastoreItem>
</file>

<file path=customXml/itemProps7.xml><?xml version="1.0" encoding="utf-8"?>
<ds:datastoreItem xmlns:ds="http://schemas.openxmlformats.org/officeDocument/2006/customXml" ds:itemID="{E195EC0A-7CCE-44C4-AE37-D3AD7BF624CF}">
  <ds:schemaRefs/>
</ds:datastoreItem>
</file>

<file path=customXml/itemProps8.xml><?xml version="1.0" encoding="utf-8"?>
<ds:datastoreItem xmlns:ds="http://schemas.openxmlformats.org/officeDocument/2006/customXml" ds:itemID="{409F21E5-E86F-4756-9B1B-C883E365BA73}">
  <ds:schemaRefs/>
</ds:datastoreItem>
</file>

<file path=customXml/itemProps9.xml><?xml version="1.0" encoding="utf-8"?>
<ds:datastoreItem xmlns:ds="http://schemas.openxmlformats.org/officeDocument/2006/customXml" ds:itemID="{28BB9399-13CF-49E1-9C66-DA47EA2A376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29</Words>
  <Application>Microsoft Office PowerPoint</Application>
  <PresentationFormat>Widescreen</PresentationFormat>
  <Paragraphs>84</Paragraphs>
  <Slides>15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5</vt:i4>
      </vt:variant>
    </vt:vector>
  </HeadingPairs>
  <TitlesOfParts>
    <vt:vector size="18" baseType="lpstr">
      <vt:lpstr>Arial</vt:lpstr>
      <vt:lpstr>Veidekke Favorit Offc</vt:lpstr>
      <vt:lpstr>Blank</vt:lpstr>
      <vt:lpstr>Veidekkes HMS-uke 2024:  Sikker produksjon  Stab og støttefunksjoner</vt:lpstr>
      <vt:lpstr>PowerPoint-presentasjon</vt:lpstr>
      <vt:lpstr>Hvordan skal vi bli gode på å involvere, planlegge aktiviteter og å identifisere de største farene? Temaet for årets HMS-uke er sikker produksjon.  I løpet av uka skal vi se nærmere på hvordan valgene våre og planlegging påvirker sikkerheten og arbeidsmiljøet.   Vi skal også snakke om hvordan vi involverer hverandre i arbeidshverdagen og hvordan vi skaper gode forutsetninger for sikker produksjon. </vt:lpstr>
      <vt:lpstr>Hvordan gjennomføre felles program?</vt:lpstr>
      <vt:lpstr>PowerPoint-presentasjon</vt:lpstr>
      <vt:lpstr>Refleksjonsoppgaver etter filmen</vt:lpstr>
      <vt:lpstr>Refleksjonsoppgaver etter filmen</vt:lpstr>
      <vt:lpstr>Gå gjennom alle svarene med hele gruppen</vt:lpstr>
      <vt:lpstr>Her er forslag til individuelle observasjonsoppgaver man kan gjøre de andre dagene i Veidekkes HMS-uke.   Man trenger ikke gjøre alle, velg ut én eller to.   Start hver dag med å stille spørsmålet til hele arbeidsgruppen, be alle ha dette i tankene gjennom dagen.   Gå gjennom tankene/svarene neste dag, før start på neste oppgave. </vt:lpstr>
      <vt:lpstr>Oppgave 1</vt:lpstr>
      <vt:lpstr>Oppgave 2</vt:lpstr>
      <vt:lpstr>Oppgave 3</vt:lpstr>
      <vt:lpstr>Oppgave 4</vt:lpstr>
      <vt:lpstr>PowerPoint-presentasjon</vt:lpstr>
      <vt:lpstr>Takk fo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 FOR HMS-UKEN: Stab/støttefunksjoner</dc:title>
  <dc:creator/>
  <cp:revision>1</cp:revision>
  <dcterms:created xsi:type="dcterms:W3CDTF">2022-04-26T08:44:00Z</dcterms:created>
  <dcterms:modified xsi:type="dcterms:W3CDTF">2024-08-18T14:22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848858983638952</vt:lpwstr>
  </property>
  <property fmtid="{D5CDD505-2E9C-101B-9397-08002B2CF9AE}" pid="5" name="TemplafyLanguageCode">
    <vt:lpwstr>sv-SE</vt:lpwstr>
  </property>
</Properties>
</file>